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zwoll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Elektrisch blauw, Lettertype, logo&#10;&#10;Automatisch gegenereerde beschrijving">
            <a:extLst>
              <a:ext uri="{FF2B5EF4-FFF2-40B4-BE49-F238E27FC236}">
                <a16:creationId xmlns:a16="http://schemas.microsoft.com/office/drawing/2014/main" id="{5BDDAD21-3578-0B4F-025B-29941F5AC72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5" y="5083117"/>
            <a:ext cx="3108800" cy="136165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Elektrisch blauw, Lettertype, logo&#10;&#10;Automatisch gegenereerde beschrijving">
            <a:extLst>
              <a:ext uri="{FF2B5EF4-FFF2-40B4-BE49-F238E27FC236}">
                <a16:creationId xmlns:a16="http://schemas.microsoft.com/office/drawing/2014/main" id="{561D048F-7CCD-3932-AD08-D696367C2BF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9000" y="4210050"/>
            <a:ext cx="2305136" cy="100965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04T12:38:58Z</dcterms:modified>
</cp:coreProperties>
</file>